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en-P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93" d="100"/>
          <a:sy n="93" d="100"/>
        </p:scale>
        <p:origin x="649" y="73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CC07A3-4ADD-6E75-0D9E-C1DBA74727A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PK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8FAE4B0-10AF-ABBA-501B-FAF2054391B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P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959B994-D04B-B68E-5D88-BE1261090C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256FDD-1D09-493B-9010-05245A70885E}" type="datetimeFigureOut">
              <a:rPr lang="en-PK" smtClean="0"/>
              <a:t>15/10/2022</a:t>
            </a:fld>
            <a:endParaRPr lang="en-P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51DE66C-1E9C-874D-7C48-F542D5E606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P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0929EC2-B46C-674B-6849-9AA92A12AA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9EDE2C-2DAB-46B5-91C1-45E189E6386E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119494273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9932315-878D-E37B-437E-47E51FEDF4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PK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EC5D28E-BC77-E920-9D6F-D118244D9B3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P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8E5F311-93E1-5266-AB34-8ECC74DD9F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256FDD-1D09-493B-9010-05245A70885E}" type="datetimeFigureOut">
              <a:rPr lang="en-PK" smtClean="0"/>
              <a:t>15/10/2022</a:t>
            </a:fld>
            <a:endParaRPr lang="en-P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D4FB5D6-B99B-BF94-2C0A-C986ED9BB66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P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B335133-F613-056A-98CD-516F56AA88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9EDE2C-2DAB-46B5-91C1-45E189E6386E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262111541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FE9EB6B-321C-8C08-333B-1019DB91D50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PK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8371BD1-14A6-2B12-CCA9-8AEDE351F47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P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057BD17-FF3C-256F-8C95-B38FB14621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256FDD-1D09-493B-9010-05245A70885E}" type="datetimeFigureOut">
              <a:rPr lang="en-PK" smtClean="0"/>
              <a:t>15/10/2022</a:t>
            </a:fld>
            <a:endParaRPr lang="en-P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919BC1B-1933-16D1-6D74-D90E6DD3B6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P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189D05F-662F-6C66-E054-DD55264066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9EDE2C-2DAB-46B5-91C1-45E189E6386E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286467024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96C0985-5633-2709-9F50-E86839CF49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PK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FA882D1-0067-363D-7F74-89EAD6EC6AC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P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2798C0D-B517-B6EF-0BFA-32752E1C9FB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256FDD-1D09-493B-9010-05245A70885E}" type="datetimeFigureOut">
              <a:rPr lang="en-PK" smtClean="0"/>
              <a:t>15/10/2022</a:t>
            </a:fld>
            <a:endParaRPr lang="en-P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BF19522-88A2-41BE-AE71-6B8CE9C456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P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70A3149-CFBA-E253-E1B4-EAD86E4BFA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9EDE2C-2DAB-46B5-91C1-45E189E6386E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112701730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A252D2-B337-AD10-E9EB-07AEDF4443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PK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BE8089E-F3D7-03A1-CE12-E7F69B40C2F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E9FC9DE-B9DA-E9CC-481A-A0F5A6F4AE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256FDD-1D09-493B-9010-05245A70885E}" type="datetimeFigureOut">
              <a:rPr lang="en-PK" smtClean="0"/>
              <a:t>15/10/2022</a:t>
            </a:fld>
            <a:endParaRPr lang="en-P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3E42F4-4E27-D5CC-F2CF-E24D86EE65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P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37A8D62-7FDD-D4AB-EC93-81DF787122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9EDE2C-2DAB-46B5-91C1-45E189E6386E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299592399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70DFD84-2A40-A60A-2A95-3B12FC7A19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PK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580D5AD-1A8D-E75C-DE77-46E21FB7840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PK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AE4A6B3-85CF-1A26-FAEF-D1A54F2DD65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PK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7998622-881B-F22F-50AC-4E43E2A454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256FDD-1D09-493B-9010-05245A70885E}" type="datetimeFigureOut">
              <a:rPr lang="en-PK" smtClean="0"/>
              <a:t>15/10/2022</a:t>
            </a:fld>
            <a:endParaRPr lang="en-PK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8571B57-BAE2-2001-DC1E-161457475F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PK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85E17BB-8C79-6577-7777-07FC215A6F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9EDE2C-2DAB-46B5-91C1-45E189E6386E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71814592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9F0862-5C3A-1279-325C-3BB624BE457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PK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AE4BF12-2D4F-ACE2-5F3E-7F85530E533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804BF79-B165-8F67-C184-A31256E3839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PK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9F471D7-2FA2-A010-2D04-7CE48EF5258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56AA5D8-7187-2E22-BC1F-95750FC8A353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PK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02EED3DF-15BC-9027-DD90-CA327E2F778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256FDD-1D09-493B-9010-05245A70885E}" type="datetimeFigureOut">
              <a:rPr lang="en-PK" smtClean="0"/>
              <a:t>15/10/2022</a:t>
            </a:fld>
            <a:endParaRPr lang="en-PK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FFE149F-E30D-9FDA-D6D0-9911224EB80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PK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34203DE-1571-379C-37F9-3CC7722A88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9EDE2C-2DAB-46B5-91C1-45E189E6386E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213607947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E2B3B0-3E09-16B6-52BA-B6EC3A65D9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P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AEA1997-FEDF-C196-17F3-0660B850E8E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256FDD-1D09-493B-9010-05245A70885E}" type="datetimeFigureOut">
              <a:rPr lang="en-PK" smtClean="0"/>
              <a:t>15/10/2022</a:t>
            </a:fld>
            <a:endParaRPr lang="en-P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45B57A4-4A6E-6189-FA73-FEE7C45186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P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5AA9412-EDAA-C829-24EE-0F7C1C6564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9EDE2C-2DAB-46B5-91C1-45E189E6386E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74028709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36E8ECF-BC39-47C1-D63C-33FD3DDB60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256FDD-1D09-493B-9010-05245A70885E}" type="datetimeFigureOut">
              <a:rPr lang="en-PK" smtClean="0"/>
              <a:t>15/10/2022</a:t>
            </a:fld>
            <a:endParaRPr lang="en-PK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492D94C-61D5-ECC6-7145-70E13024610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PK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8BA1A92-82DD-288B-7FEF-FF49A063CC4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9EDE2C-2DAB-46B5-91C1-45E189E6386E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130700820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21C931-B0C9-D096-0457-F380700586D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PK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1F90E22-5129-754D-720F-75D767726A9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PK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CE28413-2DB6-98D4-69A0-550735066D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C44D848-7245-0EC3-DABB-499F6D4076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256FDD-1D09-493B-9010-05245A70885E}" type="datetimeFigureOut">
              <a:rPr lang="en-PK" smtClean="0"/>
              <a:t>15/10/2022</a:t>
            </a:fld>
            <a:endParaRPr lang="en-PK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D0102B7-EC1B-52E4-074F-5C6E4A09BE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PK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91D38D6-7249-C363-47C1-7FAE827365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9EDE2C-2DAB-46B5-91C1-45E189E6386E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198482954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A5B1AE-CC01-7813-1C24-2B423A5CE68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PK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D4D0042-52ED-4904-3A64-37388FE144C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PK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7D2092C-03AE-6104-D906-51D5C1690FA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E553F59-058C-D47D-2C0E-C14BA61A08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256FDD-1D09-493B-9010-05245A70885E}" type="datetimeFigureOut">
              <a:rPr lang="en-PK" smtClean="0"/>
              <a:t>15/10/2022</a:t>
            </a:fld>
            <a:endParaRPr lang="en-PK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D4D963E-5B88-B083-2362-AE117C0898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PK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1D0F9C8-5653-BAD0-FE65-AD58187F564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9EDE2C-2DAB-46B5-91C1-45E189E6386E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95791586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92CCB57B-660D-D84F-B134-059E1E2C7A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PK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E26D52B-0CA9-0CDD-1B42-394FF32BD66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P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34D38D3-8029-D6FC-3D1A-368E842E88D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A256FDD-1D09-493B-9010-05245A70885E}" type="datetimeFigureOut">
              <a:rPr lang="en-PK" smtClean="0"/>
              <a:t>15/10/2022</a:t>
            </a:fld>
            <a:endParaRPr lang="en-P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EC4911-E8C4-1DE8-F313-A08E8F6DA83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P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27A540B-0B18-C05B-93C2-1ED0CDFF33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09EDE2C-2DAB-46B5-91C1-45E189E6386E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97098558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P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OTLSHAPE_SL_8eef4f394f08479095581334f9ba0b64_BackgroundRectangle">
            <a:extLst>
              <a:ext uri="{FF2B5EF4-FFF2-40B4-BE49-F238E27FC236}">
                <a16:creationId xmlns:a16="http://schemas.microsoft.com/office/drawing/2014/main" id="{AEEC04C4-BA62-B7A4-1F71-3945F298755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149058"/>
            <a:ext cx="11125200" cy="8871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36" name="OTLSHAPE_SL_19498619e9b544958c30c16d31f39acb_BackgroundRectangle">
            <a:extLst>
              <a:ext uri="{FF2B5EF4-FFF2-40B4-BE49-F238E27FC236}">
                <a16:creationId xmlns:a16="http://schemas.microsoft.com/office/drawing/2014/main" id="{BF57F33F-45FF-B65B-15C1-3D281A2CB018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099695"/>
            <a:ext cx="11125200" cy="77415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39" name="OTLSHAPE_SL_0af661bb2cb4401eb62e4621bad6d42c_BackgroundRectangle">
            <a:extLst>
              <a:ext uri="{FF2B5EF4-FFF2-40B4-BE49-F238E27FC236}">
                <a16:creationId xmlns:a16="http://schemas.microsoft.com/office/drawing/2014/main" id="{F2288B7D-C0B3-F09D-9A2C-B85C5E581C2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2937345"/>
            <a:ext cx="11125200" cy="8871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42" name="OTLSHAPE_SL_21773541ff5b49f986d342d11f701171_BackgroundRectangle">
            <a:extLst>
              <a:ext uri="{FF2B5EF4-FFF2-40B4-BE49-F238E27FC236}">
                <a16:creationId xmlns:a16="http://schemas.microsoft.com/office/drawing/2014/main" id="{DBCDA392-1415-693A-B0BD-DBF188769F53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3887982"/>
            <a:ext cx="11125200" cy="4499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55" name="OTLSHAPE_SL2A_d65ae07f49bf4084a9a5fa0df8b40446_BackgroundRectangle" hidden="1">
            <a:extLst>
              <a:ext uri="{FF2B5EF4-FFF2-40B4-BE49-F238E27FC236}">
                <a16:creationId xmlns:a16="http://schemas.microsoft.com/office/drawing/2014/main" id="{E0CEEE56-F764-6965-96EB-AEB5697B620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82565" y="1149058"/>
            <a:ext cx="10312400" cy="8871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74" name="OTLSHAPE_SL2A_7414f4b42dec46e8a7d4803315d3e337_BackgroundRectangle" hidden="1">
            <a:extLst>
              <a:ext uri="{FF2B5EF4-FFF2-40B4-BE49-F238E27FC236}">
                <a16:creationId xmlns:a16="http://schemas.microsoft.com/office/drawing/2014/main" id="{FC2939FA-8DF1-4BE6-23C9-BD4E3CA49EB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82565" y="2099695"/>
            <a:ext cx="10312400" cy="77415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88" name="OTLSHAPE_SL2A_8fedc5fd56bc4d8c9fa843c67c943208_BackgroundRectangle" hidden="1">
            <a:extLst>
              <a:ext uri="{FF2B5EF4-FFF2-40B4-BE49-F238E27FC236}">
                <a16:creationId xmlns:a16="http://schemas.microsoft.com/office/drawing/2014/main" id="{4461FD66-1EC8-378F-908F-EDCFDA9E37A2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82565" y="2937345"/>
            <a:ext cx="10312400" cy="8871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107" name="OTLSHAPE_SL2A_eaf2510bf99a4a6ca042af7952155f95_BackgroundRectangle" hidden="1">
            <a:extLst>
              <a:ext uri="{FF2B5EF4-FFF2-40B4-BE49-F238E27FC236}">
                <a16:creationId xmlns:a16="http://schemas.microsoft.com/office/drawing/2014/main" id="{E5FE9EC7-EC76-54B5-4289-2357683ACAD1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82565" y="3887982"/>
            <a:ext cx="10312400" cy="4499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7953EDC2-0629-040B-8B23-230D66CADD09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54000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PK" b="1" spc="-44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469E67C-4FC5-00A2-A8BF-B13332DC0917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PK" b="1" spc="-44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2B2D787-E790-4B52-FA8C-74B747A1BFD5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844465" y="5143500"/>
            <a:ext cx="105156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34" name="OTLSHAPE_SL_8eef4f394f08479095581334f9ba0b64_HeaderRectangle">
            <a:extLst>
              <a:ext uri="{FF2B5EF4-FFF2-40B4-BE49-F238E27FC236}">
                <a16:creationId xmlns:a16="http://schemas.microsoft.com/office/drawing/2014/main" id="{C8882B42-9338-7E45-15D9-5A97FB5C6D80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1149058"/>
            <a:ext cx="825500" cy="887137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37" name="OTLSHAPE_SL_19498619e9b544958c30c16d31f39acb_HeaderRectangle">
            <a:extLst>
              <a:ext uri="{FF2B5EF4-FFF2-40B4-BE49-F238E27FC236}">
                <a16:creationId xmlns:a16="http://schemas.microsoft.com/office/drawing/2014/main" id="{59BC468B-5244-EF9C-BB48-EE37C55266C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2099695"/>
            <a:ext cx="825500" cy="77415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40" name="OTLSHAPE_SL_0af661bb2cb4401eb62e4621bad6d42c_HeaderRectangle">
            <a:extLst>
              <a:ext uri="{FF2B5EF4-FFF2-40B4-BE49-F238E27FC236}">
                <a16:creationId xmlns:a16="http://schemas.microsoft.com/office/drawing/2014/main" id="{C47E04CF-FECC-DAD3-F7C4-B8FD223FC701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2937345"/>
            <a:ext cx="825500" cy="887137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43" name="OTLSHAPE_SL_21773541ff5b49f986d342d11f701171_HeaderRectangle">
            <a:extLst>
              <a:ext uri="{FF2B5EF4-FFF2-40B4-BE49-F238E27FC236}">
                <a16:creationId xmlns:a16="http://schemas.microsoft.com/office/drawing/2014/main" id="{D7816F64-A203-2886-4F0C-8189598FC0EE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3887982"/>
            <a:ext cx="825500" cy="44991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53" name="OTLSHAPE_SL2A_d65ae07f49bf4084a9a5fa0df8b40446_HeaderRectangle" hidden="1">
            <a:extLst>
              <a:ext uri="{FF2B5EF4-FFF2-40B4-BE49-F238E27FC236}">
                <a16:creationId xmlns:a16="http://schemas.microsoft.com/office/drawing/2014/main" id="{F2724DF4-9D3F-131B-9DBF-F30C614E4FF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82565" y="1149058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72" name="OTLSHAPE_SL2A_7414f4b42dec46e8a7d4803315d3e337_HeaderRectangle" hidden="1">
            <a:extLst>
              <a:ext uri="{FF2B5EF4-FFF2-40B4-BE49-F238E27FC236}">
                <a16:creationId xmlns:a16="http://schemas.microsoft.com/office/drawing/2014/main" id="{3D7D7F73-3EB8-6215-7CB3-189633020A24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82565" y="2099695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86" name="OTLSHAPE_SL2A_8fedc5fd56bc4d8c9fa843c67c943208_HeaderRectangle" hidden="1">
            <a:extLst>
              <a:ext uri="{FF2B5EF4-FFF2-40B4-BE49-F238E27FC236}">
                <a16:creationId xmlns:a16="http://schemas.microsoft.com/office/drawing/2014/main" id="{512AD946-3AF7-FD09-39CF-676EE297A1B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82565" y="293734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105" name="OTLSHAPE_SL2A_eaf2510bf99a4a6ca042af7952155f95_HeaderRectangle" hidden="1">
            <a:extLst>
              <a:ext uri="{FF2B5EF4-FFF2-40B4-BE49-F238E27FC236}">
                <a16:creationId xmlns:a16="http://schemas.microsoft.com/office/drawing/2014/main" id="{4CB5927D-5991-EBD6-4CAE-DFD763E08260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82565" y="388798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cxnSp>
        <p:nvCxnSpPr>
          <p:cNvPr id="45" name="OTLSHAPE_G_00000000000000000000000000000000_ShapeAbove0">
            <a:extLst>
              <a:ext uri="{FF2B5EF4-FFF2-40B4-BE49-F238E27FC236}">
                <a16:creationId xmlns:a16="http://schemas.microsoft.com/office/drawing/2014/main" id="{CF3C6906-36C3-5151-F9FD-C491DEF9A566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2127463" y="1149058"/>
            <a:ext cx="0" cy="3994442"/>
          </a:xfrm>
          <a:prstGeom prst="line">
            <a:avLst/>
          </a:prstGeom>
          <a:ln w="8313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Above1">
            <a:extLst>
              <a:ext uri="{FF2B5EF4-FFF2-40B4-BE49-F238E27FC236}">
                <a16:creationId xmlns:a16="http://schemas.microsoft.com/office/drawing/2014/main" id="{413825C4-41B7-4831-75ED-D083F1888731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3282624" y="1149058"/>
            <a:ext cx="0" cy="3994442"/>
          </a:xfrm>
          <a:prstGeom prst="line">
            <a:avLst/>
          </a:prstGeom>
          <a:ln w="8313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G_00000000000000000000000000000000_ShapeAbove2">
            <a:extLst>
              <a:ext uri="{FF2B5EF4-FFF2-40B4-BE49-F238E27FC236}">
                <a16:creationId xmlns:a16="http://schemas.microsoft.com/office/drawing/2014/main" id="{78AD696A-6CC3-9978-AA05-DDE76CAF4DF5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4400521" y="1149058"/>
            <a:ext cx="0" cy="3994442"/>
          </a:xfrm>
          <a:prstGeom prst="line">
            <a:avLst/>
          </a:prstGeom>
          <a:ln w="8313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G_00000000000000000000000000000000_ShapeAbove3">
            <a:extLst>
              <a:ext uri="{FF2B5EF4-FFF2-40B4-BE49-F238E27FC236}">
                <a16:creationId xmlns:a16="http://schemas.microsoft.com/office/drawing/2014/main" id="{AFF03CD4-79E0-0EA6-3114-635D3CD8EAEF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5555683" y="1149058"/>
            <a:ext cx="0" cy="3994442"/>
          </a:xfrm>
          <a:prstGeom prst="line">
            <a:avLst/>
          </a:prstGeom>
          <a:ln w="8313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G_00000000000000000000000000000000_ShapeAbove4">
            <a:extLst>
              <a:ext uri="{FF2B5EF4-FFF2-40B4-BE49-F238E27FC236}">
                <a16:creationId xmlns:a16="http://schemas.microsoft.com/office/drawing/2014/main" id="{33CB4360-C70F-1B2A-AB36-26D8726110C2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6710844" y="1149058"/>
            <a:ext cx="0" cy="3994442"/>
          </a:xfrm>
          <a:prstGeom prst="line">
            <a:avLst/>
          </a:prstGeom>
          <a:ln w="8313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G_00000000000000000000000000000000_ShapeAbove5">
            <a:extLst>
              <a:ext uri="{FF2B5EF4-FFF2-40B4-BE49-F238E27FC236}">
                <a16:creationId xmlns:a16="http://schemas.microsoft.com/office/drawing/2014/main" id="{AFE4A17F-773B-A312-8ED3-13492F53AB5B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7754215" y="1149058"/>
            <a:ext cx="0" cy="3994442"/>
          </a:xfrm>
          <a:prstGeom prst="line">
            <a:avLst/>
          </a:prstGeom>
          <a:ln w="8313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G_00000000000000000000000000000000_ShapeAbove6">
            <a:extLst>
              <a:ext uri="{FF2B5EF4-FFF2-40B4-BE49-F238E27FC236}">
                <a16:creationId xmlns:a16="http://schemas.microsoft.com/office/drawing/2014/main" id="{DDB46F96-F103-7D8A-2F51-75E5E98C73F9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8909376" y="1149058"/>
            <a:ext cx="0" cy="3994442"/>
          </a:xfrm>
          <a:prstGeom prst="line">
            <a:avLst/>
          </a:prstGeom>
          <a:ln w="8313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G_00000000000000000000000000000000_ShapeAbove7">
            <a:extLst>
              <a:ext uri="{FF2B5EF4-FFF2-40B4-BE49-F238E27FC236}">
                <a16:creationId xmlns:a16="http://schemas.microsoft.com/office/drawing/2014/main" id="{02D07CB8-05B4-830F-AEA5-4BE5AD31FFD8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0027274" y="1149058"/>
            <a:ext cx="0" cy="3994442"/>
          </a:xfrm>
          <a:prstGeom prst="line">
            <a:avLst/>
          </a:prstGeom>
          <a:ln w="8313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SLT_57613ef073a34ef88a0a4b78019fb341_Shape">
            <a:extLst>
              <a:ext uri="{FF2B5EF4-FFF2-40B4-BE49-F238E27FC236}">
                <a16:creationId xmlns:a16="http://schemas.microsoft.com/office/drawing/2014/main" id="{B35E4602-AB9B-9A82-B107-09E940F8E0AB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009565" y="1357677"/>
            <a:ext cx="1714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64" name="OTLSHAPE_SLT_a2ae9716f9ef42bfaaf754d2a314f454_Shape">
            <a:extLst>
              <a:ext uri="{FF2B5EF4-FFF2-40B4-BE49-F238E27FC236}">
                <a16:creationId xmlns:a16="http://schemas.microsoft.com/office/drawing/2014/main" id="{98AEA4FB-1776-BEB1-A608-BE8BFD3F8FB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015673" y="1794895"/>
            <a:ext cx="825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75" name="OTLSHAPE_SLT_e7c77b1f283a438f953f2477d348dc44_Shape">
            <a:extLst>
              <a:ext uri="{FF2B5EF4-FFF2-40B4-BE49-F238E27FC236}">
                <a16:creationId xmlns:a16="http://schemas.microsoft.com/office/drawing/2014/main" id="{73EEB676-8323-8B35-2DBB-73DD3BD82BD9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835465" y="2308314"/>
            <a:ext cx="1193800" cy="209931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89" name="OTLSHAPE_SLT_742e526f5faa484abd21220d7f0e6472_Shape">
            <a:extLst>
              <a:ext uri="{FF2B5EF4-FFF2-40B4-BE49-F238E27FC236}">
                <a16:creationId xmlns:a16="http://schemas.microsoft.com/office/drawing/2014/main" id="{53599EC8-0996-A717-B529-3462BC962F15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953363" y="3145964"/>
            <a:ext cx="16129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97" name="OTLSHAPE_SLT_c771b90c080045a2807b589bfb151fa7_Shape">
            <a:extLst>
              <a:ext uri="{FF2B5EF4-FFF2-40B4-BE49-F238E27FC236}">
                <a16:creationId xmlns:a16="http://schemas.microsoft.com/office/drawing/2014/main" id="{CB231633-4E39-9F6D-B2D8-B813E02C40E6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294840" y="3583182"/>
            <a:ext cx="39878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108" name="OTLSHAPE_SLT_a15a57bc033345ca9f516aa13ff3dc5d_Shape">
            <a:extLst>
              <a:ext uri="{FF2B5EF4-FFF2-40B4-BE49-F238E27FC236}">
                <a16:creationId xmlns:a16="http://schemas.microsoft.com/office/drawing/2014/main" id="{DAD68DCC-934F-5634-8235-AA9128B97C5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132956" y="4096601"/>
            <a:ext cx="1460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BD74A25F-CD05-515F-365E-E8C7E36A1893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44465" y="5143500"/>
            <a:ext cx="1854200" cy="38100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57" name="OTLSHAPE_SLT_57613ef073a34ef88a0a4b78019fb341_ShapePercentage" hidden="1">
            <a:extLst>
              <a:ext uri="{FF2B5EF4-FFF2-40B4-BE49-F238E27FC236}">
                <a16:creationId xmlns:a16="http://schemas.microsoft.com/office/drawing/2014/main" id="{927F4059-965B-3C49-78E1-BC33CB4AFB2E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009565" y="135767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65" name="OTLSHAPE_SLT_a2ae9716f9ef42bfaaf754d2a314f454_ShapePercentage" hidden="1">
            <a:extLst>
              <a:ext uri="{FF2B5EF4-FFF2-40B4-BE49-F238E27FC236}">
                <a16:creationId xmlns:a16="http://schemas.microsoft.com/office/drawing/2014/main" id="{7A913E2F-BEC7-0476-EA9F-B255B5A2B021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2015673" y="179489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76" name="OTLSHAPE_SLT_e7c77b1f283a438f953f2477d348dc44_ShapePercentage" hidden="1">
            <a:extLst>
              <a:ext uri="{FF2B5EF4-FFF2-40B4-BE49-F238E27FC236}">
                <a16:creationId xmlns:a16="http://schemas.microsoft.com/office/drawing/2014/main" id="{1C814EFF-6EEA-9403-E478-8159370DAC9E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835465" y="2308314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83" name="OTLSHAPE_SLM_57a8dc225b274412bdb0b9ea2cbe859b_Shape">
            <a:extLst>
              <a:ext uri="{FF2B5EF4-FFF2-40B4-BE49-F238E27FC236}">
                <a16:creationId xmlns:a16="http://schemas.microsoft.com/office/drawing/2014/main" id="{D07A2459-E0C1-BB62-847F-09308C7BDDC3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913563" y="2581745"/>
            <a:ext cx="228600" cy="254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90" name="OTLSHAPE_SLT_742e526f5faa484abd21220d7f0e6472_ShapePercentage" hidden="1">
            <a:extLst>
              <a:ext uri="{FF2B5EF4-FFF2-40B4-BE49-F238E27FC236}">
                <a16:creationId xmlns:a16="http://schemas.microsoft.com/office/drawing/2014/main" id="{D4377278-3FCC-C8E5-22EB-F25308C5A4CD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3953363" y="3145964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98" name="OTLSHAPE_SLT_c771b90c080045a2807b589bfb151fa7_ShapePercentage" hidden="1">
            <a:extLst>
              <a:ext uri="{FF2B5EF4-FFF2-40B4-BE49-F238E27FC236}">
                <a16:creationId xmlns:a16="http://schemas.microsoft.com/office/drawing/2014/main" id="{DF810A3B-852B-6D28-8984-5827C3C3F200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294840" y="358318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109" name="OTLSHAPE_SLT_a15a57bc033345ca9f516aa13ff3dc5d_ShapePercentage" hidden="1">
            <a:extLst>
              <a:ext uri="{FF2B5EF4-FFF2-40B4-BE49-F238E27FC236}">
                <a16:creationId xmlns:a16="http://schemas.microsoft.com/office/drawing/2014/main" id="{9AC2E754-0EA0-704D-C456-98C022EE01E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132956" y="4096601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35" name="OTLSHAPE_SL_8eef4f394f08479095581334f9ba0b64_Header">
            <a:extLst>
              <a:ext uri="{FF2B5EF4-FFF2-40B4-BE49-F238E27FC236}">
                <a16:creationId xmlns:a16="http://schemas.microsoft.com/office/drawing/2014/main" id="{0254291D-0B93-A8AC-8660-4A3B020E97F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3500" y="1499599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chemeClr val="lt1"/>
                </a:solidFill>
                <a:latin typeface="Calibri" panose="020F0502020204030204" pitchFamily="34" charset="0"/>
              </a:rPr>
              <a:t>Research</a:t>
            </a:r>
            <a:endParaRPr lang="en-PK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SL_19498619e9b544958c30c16d31f39acb_Header">
            <a:extLst>
              <a:ext uri="{FF2B5EF4-FFF2-40B4-BE49-F238E27FC236}">
                <a16:creationId xmlns:a16="http://schemas.microsoft.com/office/drawing/2014/main" id="{EA6ECBD0-180C-8463-5101-BC51E9E133FB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2300715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chemeClr val="lt1"/>
                </a:solidFill>
                <a:latin typeface="Calibri" panose="020F0502020204030204" pitchFamily="34" charset="0"/>
              </a:rPr>
              <a:t>Software Architecture</a:t>
            </a:r>
            <a:endParaRPr lang="en-PK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_0af661bb2cb4401eb62e4621bad6d42c_Header">
            <a:extLst>
              <a:ext uri="{FF2B5EF4-FFF2-40B4-BE49-F238E27FC236}">
                <a16:creationId xmlns:a16="http://schemas.microsoft.com/office/drawing/2014/main" id="{BD6FCDEC-C481-D792-0D2C-A91CE31F2245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3306" y="3206458"/>
            <a:ext cx="865694" cy="4124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chemeClr val="lt1"/>
                </a:solidFill>
                <a:latin typeface="Calibri" panose="020F0502020204030204" pitchFamily="34" charset="0"/>
              </a:rPr>
              <a:t>Developing Phase</a:t>
            </a:r>
            <a:endParaRPr lang="en-PK" sz="12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_21773541ff5b49f986d342d11f701171_Header">
            <a:extLst>
              <a:ext uri="{FF2B5EF4-FFF2-40B4-BE49-F238E27FC236}">
                <a16:creationId xmlns:a16="http://schemas.microsoft.com/office/drawing/2014/main" id="{D45A74D4-2B50-EA41-979B-471801AA301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500" y="4019914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chemeClr val="lt1"/>
                </a:solidFill>
                <a:latin typeface="Calibri" panose="020F0502020204030204" pitchFamily="34" charset="0"/>
              </a:rPr>
              <a:t>Test Phase</a:t>
            </a:r>
            <a:endParaRPr lang="en-PK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SL2A_d65ae07f49bf4084a9a5fa0df8b40446_Header" hidden="1">
            <a:extLst>
              <a:ext uri="{FF2B5EF4-FFF2-40B4-BE49-F238E27FC236}">
                <a16:creationId xmlns:a16="http://schemas.microsoft.com/office/drawing/2014/main" id="{FA6D6F54-363D-F916-A26C-579B90F36721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2A_7414f4b42dec46e8a7d4803315d3e337_Header" hidden="1">
            <a:extLst>
              <a:ext uri="{FF2B5EF4-FFF2-40B4-BE49-F238E27FC236}">
                <a16:creationId xmlns:a16="http://schemas.microsoft.com/office/drawing/2014/main" id="{F84F2603-B7E5-20CD-51C4-73668C861F9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2A_8fedc5fd56bc4d8c9fa843c67c943208_Header" hidden="1">
            <a:extLst>
              <a:ext uri="{FF2B5EF4-FFF2-40B4-BE49-F238E27FC236}">
                <a16:creationId xmlns:a16="http://schemas.microsoft.com/office/drawing/2014/main" id="{F5B87CA8-320F-C3E9-AA38-9A99DA18F437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2A_eaf2510bf99a4a6ca042af7952155f95_Header" hidden="1">
            <a:extLst>
              <a:ext uri="{FF2B5EF4-FFF2-40B4-BE49-F238E27FC236}">
                <a16:creationId xmlns:a16="http://schemas.microsoft.com/office/drawing/2014/main" id="{210DB647-28AD-B316-6EF7-AD7B6CF34E20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F2BE64EA-F54F-08F6-14F7-D8AB9A020088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642159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144A4C28-C851-A22E-0697-850B331A57E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516459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PK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303B40B-F7AC-9123-D196-E125B6D6B753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073065" y="52409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PK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C29065C6-A817-7DBE-0D5F-30D6B2348E2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190963" y="52409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PK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B80FFCCD-4FAE-2E03-EA9B-F6B71EEEE864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3346124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PK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5F6CD0E7-A202-190E-E11A-E4772347E64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464022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PK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D52AD68E-2AEA-E6DA-E9E8-064896B012B0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61918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PK" sz="1200" spc="-20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9EEF7885-3841-C350-C896-F2912071713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774344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PK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F99B9A2D-144D-1C9F-4764-2498AA72F43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817715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PK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C74E876F-F30E-6C1D-9E16-BFBBCD8CAD1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972876" y="52409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PK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62AD2637-FA85-9F43-E720-2F69A51FE14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090774" y="524097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PK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57613ef073a34ef88a0a4b78019fb341_Duration" hidden="1">
            <a:extLst>
              <a:ext uri="{FF2B5EF4-FFF2-40B4-BE49-F238E27FC236}">
                <a16:creationId xmlns:a16="http://schemas.microsoft.com/office/drawing/2014/main" id="{2A9A69C4-706D-DE30-8B9B-B99C7EDBF5D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2 days</a:t>
            </a:r>
            <a:endParaRPr lang="en-PK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57613ef073a34ef88a0a4b78019fb341_TextPercentage" hidden="1">
            <a:extLst>
              <a:ext uri="{FF2B5EF4-FFF2-40B4-BE49-F238E27FC236}">
                <a16:creationId xmlns:a16="http://schemas.microsoft.com/office/drawing/2014/main" id="{CE184C8A-B6FB-6B5C-A992-512C4A10B02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57613ef073a34ef88a0a4b78019fb341_StartDate" hidden="1">
            <a:extLst>
              <a:ext uri="{FF2B5EF4-FFF2-40B4-BE49-F238E27FC236}">
                <a16:creationId xmlns:a16="http://schemas.microsoft.com/office/drawing/2014/main" id="{10F9714C-1EC6-C378-40BC-BA24868E8773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57613ef073a34ef88a0a4b78019fb341_EndDate" hidden="1">
            <a:extLst>
              <a:ext uri="{FF2B5EF4-FFF2-40B4-BE49-F238E27FC236}">
                <a16:creationId xmlns:a16="http://schemas.microsoft.com/office/drawing/2014/main" id="{CD0CF232-F985-94F9-FE85-96C93A3A22D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T_57613ef073a34ef88a0a4b78019fb341_Title">
            <a:extLst>
              <a:ext uri="{FF2B5EF4-FFF2-40B4-BE49-F238E27FC236}">
                <a16:creationId xmlns:a16="http://schemas.microsoft.com/office/drawing/2014/main" id="{FAD607FA-72C9-C51E-496E-2841B56E442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009565" y="1187158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search</a:t>
            </a:r>
            <a:endParaRPr lang="en-PK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T_57613ef073a34ef88a0a4b78019fb341_JoinedDate">
            <a:extLst>
              <a:ext uri="{FF2B5EF4-FFF2-40B4-BE49-F238E27FC236}">
                <a16:creationId xmlns:a16="http://schemas.microsoft.com/office/drawing/2014/main" id="{C243941A-98AA-26AE-374A-8C382ACAD9F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2774449" y="1381764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1 - Oct 16</a:t>
            </a:r>
            <a:endParaRPr lang="en-PK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T_a2ae9716f9ef42bfaaf754d2a314f454_Duration" hidden="1">
            <a:extLst>
              <a:ext uri="{FF2B5EF4-FFF2-40B4-BE49-F238E27FC236}">
                <a16:creationId xmlns:a16="http://schemas.microsoft.com/office/drawing/2014/main" id="{E1215D2B-BC5A-8577-BFBA-115CFF2AED30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6 days</a:t>
            </a:r>
            <a:endParaRPr lang="en-PK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T_a2ae9716f9ef42bfaaf754d2a314f454_TextPercentage" hidden="1">
            <a:extLst>
              <a:ext uri="{FF2B5EF4-FFF2-40B4-BE49-F238E27FC236}">
                <a16:creationId xmlns:a16="http://schemas.microsoft.com/office/drawing/2014/main" id="{323F4DDD-9420-EE1B-FCE3-B2580A17BF4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SLT_a2ae9716f9ef42bfaaf754d2a314f454_StartDate" hidden="1">
            <a:extLst>
              <a:ext uri="{FF2B5EF4-FFF2-40B4-BE49-F238E27FC236}">
                <a16:creationId xmlns:a16="http://schemas.microsoft.com/office/drawing/2014/main" id="{4CC4C6FC-6800-0873-003A-4F6CEAA56225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SLT_a2ae9716f9ef42bfaaf754d2a314f454_EndDate" hidden="1">
            <a:extLst>
              <a:ext uri="{FF2B5EF4-FFF2-40B4-BE49-F238E27FC236}">
                <a16:creationId xmlns:a16="http://schemas.microsoft.com/office/drawing/2014/main" id="{EDB6D095-6C12-7DAD-5671-F4C1EBD69A8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SLT_a2ae9716f9ef42bfaaf754d2a314f454_Title">
            <a:extLst>
              <a:ext uri="{FF2B5EF4-FFF2-40B4-BE49-F238E27FC236}">
                <a16:creationId xmlns:a16="http://schemas.microsoft.com/office/drawing/2014/main" id="{18BD9D9D-6988-9D61-914B-B2FD10376F5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2015673" y="1624377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iterature Review</a:t>
            </a:r>
            <a:endParaRPr lang="en-PK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a2ae9716f9ef42bfaaf754d2a314f454_JoinedDate">
            <a:extLst>
              <a:ext uri="{FF2B5EF4-FFF2-40B4-BE49-F238E27FC236}">
                <a16:creationId xmlns:a16="http://schemas.microsoft.com/office/drawing/2014/main" id="{F5EB980C-C57E-491F-C444-D8FAB2CF2E3B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886239" y="1818983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28 - Oct 19</a:t>
            </a:r>
            <a:endParaRPr lang="en-PK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e7c77b1f283a438f953f2477d348dc44_Duration" hidden="1">
            <a:extLst>
              <a:ext uri="{FF2B5EF4-FFF2-40B4-BE49-F238E27FC236}">
                <a16:creationId xmlns:a16="http://schemas.microsoft.com/office/drawing/2014/main" id="{A21F3F86-2F82-8ECF-BF94-7A1FD0A2087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  <a:endParaRPr lang="en-PK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SLT_e7c77b1f283a438f953f2477d348dc44_TextPercentage" hidden="1">
            <a:extLst>
              <a:ext uri="{FF2B5EF4-FFF2-40B4-BE49-F238E27FC236}">
                <a16:creationId xmlns:a16="http://schemas.microsoft.com/office/drawing/2014/main" id="{930ACC3E-E577-6DB7-4318-4E2CFD56A91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e7c77b1f283a438f953f2477d348dc44_StartDate" hidden="1">
            <a:extLst>
              <a:ext uri="{FF2B5EF4-FFF2-40B4-BE49-F238E27FC236}">
                <a16:creationId xmlns:a16="http://schemas.microsoft.com/office/drawing/2014/main" id="{685C0D73-6460-55A0-B9E4-1E8627A8612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e7c77b1f283a438f953f2477d348dc44_EndDate" hidden="1">
            <a:extLst>
              <a:ext uri="{FF2B5EF4-FFF2-40B4-BE49-F238E27FC236}">
                <a16:creationId xmlns:a16="http://schemas.microsoft.com/office/drawing/2014/main" id="{59924C0E-E75F-595E-5077-54AC1151B62F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e7c77b1f283a438f953f2477d348dc44_Title">
            <a:extLst>
              <a:ext uri="{FF2B5EF4-FFF2-40B4-BE49-F238E27FC236}">
                <a16:creationId xmlns:a16="http://schemas.microsoft.com/office/drawing/2014/main" id="{7E1B936F-25F5-0AD9-821D-88155D409B6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835465" y="2137795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sign Architecture</a:t>
            </a:r>
            <a:endParaRPr lang="en-PK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e7c77b1f283a438f953f2477d348dc44_JoinedDate">
            <a:extLst>
              <a:ext uri="{FF2B5EF4-FFF2-40B4-BE49-F238E27FC236}">
                <a16:creationId xmlns:a16="http://schemas.microsoft.com/office/drawing/2014/main" id="{0EC840ED-A829-0B2E-49E3-64BB2C8DB2F6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4078663" y="2335767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Oct 20 - Nov 20</a:t>
            </a:r>
            <a:endParaRPr lang="en-PK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M_57a8dc225b274412bdb0b9ea2cbe859b_Date">
            <a:extLst>
              <a:ext uri="{FF2B5EF4-FFF2-40B4-BE49-F238E27FC236}">
                <a16:creationId xmlns:a16="http://schemas.microsoft.com/office/drawing/2014/main" id="{4F2B2449-640B-C6D8-3C4D-712AF462AEC3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499501" y="263123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Nov 20</a:t>
            </a:r>
            <a:endParaRPr lang="en-PK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M_57a8dc225b274412bdb0b9ea2cbe859b_Title">
            <a:extLst>
              <a:ext uri="{FF2B5EF4-FFF2-40B4-BE49-F238E27FC236}">
                <a16:creationId xmlns:a16="http://schemas.microsoft.com/office/drawing/2014/main" id="{D7795C4F-0DD7-CF15-F1CB-DCBA700A213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192963" y="2623486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Finalize</a:t>
            </a:r>
            <a:endParaRPr lang="en-PK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742e526f5faa484abd21220d7f0e6472_Duration" hidden="1">
            <a:extLst>
              <a:ext uri="{FF2B5EF4-FFF2-40B4-BE49-F238E27FC236}">
                <a16:creationId xmlns:a16="http://schemas.microsoft.com/office/drawing/2014/main" id="{7E1B2881-DA8C-4111-E35C-A9C2DDC05D6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  <a:endParaRPr lang="en-PK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742e526f5faa484abd21220d7f0e6472_TextPercentage" hidden="1">
            <a:extLst>
              <a:ext uri="{FF2B5EF4-FFF2-40B4-BE49-F238E27FC236}">
                <a16:creationId xmlns:a16="http://schemas.microsoft.com/office/drawing/2014/main" id="{8433178E-7F85-D105-694B-6062DDDFEDA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742e526f5faa484abd21220d7f0e6472_StartDate" hidden="1">
            <a:extLst>
              <a:ext uri="{FF2B5EF4-FFF2-40B4-BE49-F238E27FC236}">
                <a16:creationId xmlns:a16="http://schemas.microsoft.com/office/drawing/2014/main" id="{1A59D857-B486-AD83-65DD-3BE5AE77A059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742e526f5faa484abd21220d7f0e6472_EndDate" hidden="1">
            <a:extLst>
              <a:ext uri="{FF2B5EF4-FFF2-40B4-BE49-F238E27FC236}">
                <a16:creationId xmlns:a16="http://schemas.microsoft.com/office/drawing/2014/main" id="{FFC233EA-FD1B-1C27-3EB0-5C0A4AFA8D7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742e526f5faa484abd21220d7f0e6472_Title">
            <a:extLst>
              <a:ext uri="{FF2B5EF4-FFF2-40B4-BE49-F238E27FC236}">
                <a16:creationId xmlns:a16="http://schemas.microsoft.com/office/drawing/2014/main" id="{135A8671-5135-5683-300B-EE2C3B0DB2B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953363" y="2975445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earning Technology</a:t>
            </a:r>
            <a:endParaRPr lang="en-PK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742e526f5faa484abd21220d7f0e6472_JoinedDate">
            <a:extLst>
              <a:ext uri="{FF2B5EF4-FFF2-40B4-BE49-F238E27FC236}">
                <a16:creationId xmlns:a16="http://schemas.microsoft.com/office/drawing/2014/main" id="{6EDAE081-BF37-2E23-63DC-D02CC1436193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606457" y="3170051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9 - Dec 31</a:t>
            </a:r>
            <a:endParaRPr lang="en-PK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c771b90c080045a2807b589bfb151fa7_Duration" hidden="1">
            <a:extLst>
              <a:ext uri="{FF2B5EF4-FFF2-40B4-BE49-F238E27FC236}">
                <a16:creationId xmlns:a16="http://schemas.microsoft.com/office/drawing/2014/main" id="{BA7BB710-6462-255D-46F6-2E2C85108CD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  <a:endParaRPr lang="en-PK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c771b90c080045a2807b589bfb151fa7_TextPercentage" hidden="1">
            <a:extLst>
              <a:ext uri="{FF2B5EF4-FFF2-40B4-BE49-F238E27FC236}">
                <a16:creationId xmlns:a16="http://schemas.microsoft.com/office/drawing/2014/main" id="{95A93DF0-3267-C119-CD5F-2D91D3076BF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c771b90c080045a2807b589bfb151fa7_StartDate" hidden="1">
            <a:extLst>
              <a:ext uri="{FF2B5EF4-FFF2-40B4-BE49-F238E27FC236}">
                <a16:creationId xmlns:a16="http://schemas.microsoft.com/office/drawing/2014/main" id="{984F4689-98C4-364D-96C9-581B26BCE86D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SLT_c771b90c080045a2807b589bfb151fa7_EndDate" hidden="1">
            <a:extLst>
              <a:ext uri="{FF2B5EF4-FFF2-40B4-BE49-F238E27FC236}">
                <a16:creationId xmlns:a16="http://schemas.microsoft.com/office/drawing/2014/main" id="{8D1A5182-C9DA-5FB3-32C8-802E742D54FA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SLT_c771b90c080045a2807b589bfb151fa7_Title">
            <a:extLst>
              <a:ext uri="{FF2B5EF4-FFF2-40B4-BE49-F238E27FC236}">
                <a16:creationId xmlns:a16="http://schemas.microsoft.com/office/drawing/2014/main" id="{B8B9710F-8A06-4C32-CBA9-D5D9C8361B5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294840" y="3412664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  <a:endParaRPr lang="en-PK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SLT_c771b90c080045a2807b589bfb151fa7_JoinedDate">
            <a:extLst>
              <a:ext uri="{FF2B5EF4-FFF2-40B4-BE49-F238E27FC236}">
                <a16:creationId xmlns:a16="http://schemas.microsoft.com/office/drawing/2014/main" id="{70301816-C81C-9B8C-724C-6EF81F07A339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9332783" y="3607270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Dec 25 - Apr 10</a:t>
            </a:r>
            <a:endParaRPr lang="en-PK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a15a57bc033345ca9f516aa13ff3dc5d_Duration" hidden="1">
            <a:extLst>
              <a:ext uri="{FF2B5EF4-FFF2-40B4-BE49-F238E27FC236}">
                <a16:creationId xmlns:a16="http://schemas.microsoft.com/office/drawing/2014/main" id="{80E9169C-B886-4FD5-7CE7-B012B101CCF6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7 days</a:t>
            </a:r>
            <a:endParaRPr lang="en-PK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a15a57bc033345ca9f516aa13ff3dc5d_TextPercentage" hidden="1">
            <a:extLst>
              <a:ext uri="{FF2B5EF4-FFF2-40B4-BE49-F238E27FC236}">
                <a16:creationId xmlns:a16="http://schemas.microsoft.com/office/drawing/2014/main" id="{BA4281E0-CADA-3579-90C6-D9A199EA2581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a15a57bc033345ca9f516aa13ff3dc5d_StartDate" hidden="1">
            <a:extLst>
              <a:ext uri="{FF2B5EF4-FFF2-40B4-BE49-F238E27FC236}">
                <a16:creationId xmlns:a16="http://schemas.microsoft.com/office/drawing/2014/main" id="{08CC21D7-ED55-DA11-53A4-401F34C5268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a15a57bc033345ca9f516aa13ff3dc5d_EndDate" hidden="1">
            <a:extLst>
              <a:ext uri="{FF2B5EF4-FFF2-40B4-BE49-F238E27FC236}">
                <a16:creationId xmlns:a16="http://schemas.microsoft.com/office/drawing/2014/main" id="{E6857253-6819-A3E4-9B5B-01424A26F426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a15a57bc033345ca9f516aa13ff3dc5d_Title">
            <a:extLst>
              <a:ext uri="{FF2B5EF4-FFF2-40B4-BE49-F238E27FC236}">
                <a16:creationId xmlns:a16="http://schemas.microsoft.com/office/drawing/2014/main" id="{E3A462D6-D98E-5B6F-332A-CBAF9D52C856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9132956" y="3926082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4">
                <a:solidFill>
                  <a:schemeClr val="dk1"/>
                </a:solidFill>
                <a:latin typeface="Calibri" panose="020F0502020204030204" pitchFamily="34" charset="0"/>
              </a:rPr>
              <a:t>Testing</a:t>
            </a:r>
            <a:endParaRPr lang="en-PK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SLT_a15a57bc033345ca9f516aa13ff3dc5d_JoinedDate">
            <a:extLst>
              <a:ext uri="{FF2B5EF4-FFF2-40B4-BE49-F238E27FC236}">
                <a16:creationId xmlns:a16="http://schemas.microsoft.com/office/drawing/2014/main" id="{B7D86233-5A59-45C3-0B69-CAF5FBC9CC3D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0636997" y="4120689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Apr 7 - May 15</a:t>
            </a:r>
            <a:endParaRPr lang="en-PK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8B08D191-F32D-541F-3376-F7BC55B0FC45}"/>
              </a:ext>
            </a:extLst>
          </p:cNvPr>
          <p:cNvCxnSpPr/>
          <p:nvPr>
            <p:custDataLst>
              <p:tags r:id="rId100"/>
            </p:custDataLst>
          </p:nvPr>
        </p:nvCxnSpPr>
        <p:spPr>
          <a:xfrm>
            <a:off x="2127463" y="5207000"/>
            <a:ext cx="0" cy="254000"/>
          </a:xfrm>
          <a:prstGeom prst="line">
            <a:avLst/>
          </a:prstGeom>
          <a:ln w="8313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2B0FF91D-12C9-54A4-4E08-13AB1AF08386}"/>
              </a:ext>
            </a:extLst>
          </p:cNvPr>
          <p:cNvCxnSpPr/>
          <p:nvPr>
            <p:custDataLst>
              <p:tags r:id="rId101"/>
            </p:custDataLst>
          </p:nvPr>
        </p:nvCxnSpPr>
        <p:spPr>
          <a:xfrm>
            <a:off x="3282624" y="5207000"/>
            <a:ext cx="0" cy="254000"/>
          </a:xfrm>
          <a:prstGeom prst="line">
            <a:avLst/>
          </a:prstGeom>
          <a:ln w="8313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97ACE799-AC6B-E712-5EC7-91AEA37B1007}"/>
              </a:ext>
            </a:extLst>
          </p:cNvPr>
          <p:cNvCxnSpPr/>
          <p:nvPr>
            <p:custDataLst>
              <p:tags r:id="rId102"/>
            </p:custDataLst>
          </p:nvPr>
        </p:nvCxnSpPr>
        <p:spPr>
          <a:xfrm>
            <a:off x="4400521" y="5207000"/>
            <a:ext cx="0" cy="254000"/>
          </a:xfrm>
          <a:prstGeom prst="line">
            <a:avLst/>
          </a:prstGeom>
          <a:ln w="8313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2F865F6D-CEF9-8613-4DC8-D3A491E70648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5555683" y="5207000"/>
            <a:ext cx="0" cy="254000"/>
          </a:xfrm>
          <a:prstGeom prst="line">
            <a:avLst/>
          </a:prstGeom>
          <a:ln w="8313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6415B82A-E245-A889-F926-DF147525B1E4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6710844" y="5207000"/>
            <a:ext cx="0" cy="254000"/>
          </a:xfrm>
          <a:prstGeom prst="line">
            <a:avLst/>
          </a:prstGeom>
          <a:ln w="8313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4C5630DB-5BC9-B125-2ACB-550C1C75C270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7754215" y="5207000"/>
            <a:ext cx="0" cy="254000"/>
          </a:xfrm>
          <a:prstGeom prst="line">
            <a:avLst/>
          </a:prstGeom>
          <a:ln w="8313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A8F3B8A7-38FA-CFED-2DF9-629B0298134D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8909376" y="5207000"/>
            <a:ext cx="0" cy="254000"/>
          </a:xfrm>
          <a:prstGeom prst="line">
            <a:avLst/>
          </a:prstGeom>
          <a:ln w="8313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88A07CDF-AFA5-7BE5-442D-11C4E9361DBA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10027274" y="5207000"/>
            <a:ext cx="0" cy="254000"/>
          </a:xfrm>
          <a:prstGeom prst="line">
            <a:avLst/>
          </a:prstGeom>
          <a:ln w="8313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_496b70f4766c40589ab2073c5eceaed9_Shape">
            <a:extLst>
              <a:ext uri="{FF2B5EF4-FFF2-40B4-BE49-F238E27FC236}">
                <a16:creationId xmlns:a16="http://schemas.microsoft.com/office/drawing/2014/main" id="{087CD0E4-E00D-95B1-5BD1-BAD5D13E02AF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2313779" y="4541101"/>
            <a:ext cx="8394700" cy="39919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26" name="OTLSHAPE_T_496b70f4766c40589ab2073c5eceaed9_ShapePercentage" hidden="1">
            <a:extLst>
              <a:ext uri="{FF2B5EF4-FFF2-40B4-BE49-F238E27FC236}">
                <a16:creationId xmlns:a16="http://schemas.microsoft.com/office/drawing/2014/main" id="{52484750-9AB5-E8E9-40F9-8918C9EA5412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2313779" y="4541101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PK"/>
          </a:p>
        </p:txBody>
      </p:sp>
      <p:sp>
        <p:nvSpPr>
          <p:cNvPr id="27" name="OTLSHAPE_T_496b70f4766c40589ab2073c5eceaed9_Duration" hidden="1">
            <a:extLst>
              <a:ext uri="{FF2B5EF4-FFF2-40B4-BE49-F238E27FC236}">
                <a16:creationId xmlns:a16="http://schemas.microsoft.com/office/drawing/2014/main" id="{F66D5A72-0464-EB48-4C7E-FC6DB52B7F24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61 days</a:t>
            </a:r>
            <a:endParaRPr lang="en-PK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496b70f4766c40589ab2073c5eceaed9_TextPercentage" hidden="1">
            <a:extLst>
              <a:ext uri="{FF2B5EF4-FFF2-40B4-BE49-F238E27FC236}">
                <a16:creationId xmlns:a16="http://schemas.microsoft.com/office/drawing/2014/main" id="{19CD7070-38C1-897B-F45E-FFF9767207E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_496b70f4766c40589ab2073c5eceaed9_StartDate" hidden="1">
            <a:extLst>
              <a:ext uri="{FF2B5EF4-FFF2-40B4-BE49-F238E27FC236}">
                <a16:creationId xmlns:a16="http://schemas.microsoft.com/office/drawing/2014/main" id="{662960CE-7B84-4140-296D-048386B3B5A5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496b70f4766c40589ab2073c5eceaed9_EndDate" hidden="1">
            <a:extLst>
              <a:ext uri="{FF2B5EF4-FFF2-40B4-BE49-F238E27FC236}">
                <a16:creationId xmlns:a16="http://schemas.microsoft.com/office/drawing/2014/main" id="{24F09DA3-5F49-3C0F-9130-C298D870D3AB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PK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496b70f4766c40589ab2073c5eceaed9_Title">
            <a:extLst>
              <a:ext uri="{FF2B5EF4-FFF2-40B4-BE49-F238E27FC236}">
                <a16:creationId xmlns:a16="http://schemas.microsoft.com/office/drawing/2014/main" id="{D7D3DA32-AF75-DB56-130D-D12566554599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362211" y="4655441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ocumentation</a:t>
            </a:r>
            <a:endParaRPr lang="en-PK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496b70f4766c40589ab2073c5eceaed9_JoinedDate">
            <a:extLst>
              <a:ext uri="{FF2B5EF4-FFF2-40B4-BE49-F238E27FC236}">
                <a16:creationId xmlns:a16="http://schemas.microsoft.com/office/drawing/2014/main" id="{71B7EE0B-06F6-99A4-7509-8BC97361E55A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0748787" y="466318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Oct 6 - May 18</a:t>
            </a:r>
            <a:endParaRPr lang="en-PK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TextBox 115">
            <a:extLst>
              <a:ext uri="{FF2B5EF4-FFF2-40B4-BE49-F238E27FC236}">
                <a16:creationId xmlns:a16="http://schemas.microsoft.com/office/drawing/2014/main" id="{A8401217-8AE7-6231-A228-825BEE14BBA7}"/>
              </a:ext>
            </a:extLst>
          </p:cNvPr>
          <p:cNvSpPr txBox="1"/>
          <p:nvPr/>
        </p:nvSpPr>
        <p:spPr>
          <a:xfrm>
            <a:off x="3346124" y="672637"/>
            <a:ext cx="472736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2400" b="1" dirty="0"/>
              <a:t>Project Timeline</a:t>
            </a:r>
            <a:endParaRPr lang="en-PK" sz="24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0457435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5LTAxVDAwOjAwOjAwIiwiRW5kRGF0ZSI6IjIwMjItMTAtMTZUMjM6NTk6MDAiLCJQZXJjZW50YWdlQ29tcGxldGUiOm51bGwsIlN0eWxlIjp7IiRpZCI6IjciLCJTaGFwZSI6NywiU2hhcGVUaGlja25lc3MiOjE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MTAsIkZvbnROYW1lIjoiQ2FsaWJyaSIsIklzQm9sZCI6ZmFsc2UsIklzSXRhbGljIjpmYWxzZSwiSXNVbmRlcmxpbmVkIjpmYWxzZSwiUGFyZW50U3R5bGUiOm51bGx9LCJBdXRvU2l6ZSI6MCwiRm9yZWdyb3VuZCI6eyIkaWQiOiI1MCIsIkNvbG9yIjp7IiRpZCI6IjU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iIsIlRvcCI6MC4wLCJMZWZ0IjowLjAsIlJpZ2h0IjowLjAsIkJvdHRvbSI6MC4wfSwiUGFkZGluZyI6eyIkaWQiOiI1MyIsIlRvcCI6MC4wLCJMZWZ0IjowLjAsIlJpZ2h0IjowLjAsIkJvdHRvbSI6MC4wfSwiQmFja2dyb3VuZCI6eyIkaWQiOiI1NCIsIkNvbG9yIjp7IiRpZCI6IjU1IiwiQSI6MCwiUiI6MjU1LCJHIjoyNTUsIkIiOjI1NX19LCJJc1Zpc2libGUiOnRydWUsIldpZHRoIjowLjAsIkhlaWdodCI6MC4wLCJCb3JkZXJTdHlsZSI6eyIkaWQiOiI1NiIsIkxpbmVDb2xvciI6bnVsbCwiTGluZVdlaWdodCI6MC4wLCJMaW5lVHlwZSI6MCwiUGFyZW50U3R5bGUiOm51bGx9LCJQYXJlbnRTdHlsZSI6bnVsbH0sIkRhdGVGb3JtYXQiOnsiJGlkIjoi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Y3IiwiTGluZUNvbG9yIjpudWxsLCJMaW5lV2VpZ2h0IjowLjAsIkxpbmVUeXBlIjowLCJQYXJlbnRTdHlsZSI6bnVsbH0sIlBhcmVudFN0eWxlIjpudWxsfSwiRHVyYXRpb25TdHlsZSI6eyIkaWQiOiI2OCIsIkZvbnRTZXR0aW5ncyI6eyIkaWQiOiI2O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NDMifSwiUGFkZGluZyI6eyIkcmVmIjoiNDQifSwiQmFja2dyb3VuZCI6eyIkaWQiOiI4MSIsIkNvbG9yIjp7IiRpZCI6IjgyIiwiQSI6MCwiUiI6MjU1LCJHIjoyNTUsIkIiOjI1NX19LCJJc1Zpc2libGUiOnRydWUsIldpZHRoIjowLjAsIkhlaWdodCI6MC4wLCJCb3JkZXJTdHlsZSI6eyIkaWQiOiI4MyIsIkxpbmVDb2xvciI6bnVsbCwiTGluZVdlaWdodCI6MC4wLCJMaW5lVHlwZSI6MCwiUGFyZW50U3R5bGUiOm51bGx9LCJQYXJlbnRTdHlsZSI6bnVsbH0sIkRh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E2MyIsIkxpbmVDb2xvciI6bnVsbCwiTGluZVdlaWdodCI6MC4wLCJMaW5lVHlwZSI6MCwiUGFyZW50U3R5bGUiOm51bGx9LCJQYXJlbnRTdHlsZSI6bnVsbH0sIkR1cmF0aW9uU3R5bGUiOnsiJGlkIjoiMTY0IiwiRm9udFNldHRpbmdzIjp7IiRpZCI6IjE2N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QzIn0sIlBhZGRpbmciOnsiJHJlZiI6IjQ0In0sIkJhY2tncm91bmQiOnsiJGlkIjoiMTc5IiwiQ29sb3IiOnsiJGlkIjoiMTgwIiwiQSI6MCwiUiI6MjU1LCJHIjoyNTUsIkIiOjI1NX1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xMCwiRm9udE5hbWUiOiJDYWxpYnJpIiwiSXNCb2xkIjpmYWxzZSwiSXNJdGFsaWMiOmZhbHNlLCJJc1VuZGVybGluZWQiOmZhbHNlLCJQYXJlbnRTdHlsZSI6bnVsbH0sIkF1dG9TaXplIjowLCJGb3JlZ3JvdW5kIjp7IiRpZCI6IjE4NCIsIkNvbG9yIjp7IiRpZCI6IjE4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GlkIjoiMTg2IiwiQ29sb3IiOnsiJGlkIjoiMTg3IiwiQSI6MCwiUiI6MjU1LCJHIjoyNTUsIkIiOjI1NX19LCJJc1Zpc2libGUiOnRydWUsIldpZHRoIjowLjAsIkhlaWdodCI6MC4wLCJCb3JkZXJTdHlsZSI6eyIkaWQiOiIxODgiLCJMaW5lQ29sb3IiOm51bGwsIkxpbmVXZWlnaHQiOjAuMCwiTGluZVR5cGUiOjAsIlBhcmVudFN0eWxlIjpudWxsfSwiUGFyZW50U3R5bGUiOm51bGx9LCJEYXRlRm9ybWF0Ijp7IiRpZCI6IjE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xNiIsIlRvcCI6MC4wLCJMZWZ0IjowLjAsIlJpZ2h0IjowLjAsIkJvdHRvbSI6MC4wfSwiUGFkZGluZyI6eyIkaWQiOiIyMTciLCJUb3AiOjAuMCwiTGVmdCI6MC4wLCJSaWdodCI6MC4wLCJCb3R0b20iOjAuMH0sIkJhY2tncm91bmQiOnsiJGlkIjoiMjE4IiwiQ29sb3IiOnsiJGlkIjoiMjE5IiwiQSI6MCwiUiI6MjU1LCJHIjoyNTUsIkIiOjI1NX19LCJJc1Zpc2libGUiOnRydWUsIldpZHRoIjowLjAsIkhlaWdodCI6MC4wLCJCb3JkZXJTdHlsZSI6bnVsbCwiUGFyZW50U3R5bGUiOm51bGx9LCJEYXRlRm9ybWF0Ijp7IiRpZCI6IjI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E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gzIiwiTGluZUNvbG9yIjpudWxsLCJMaW5lV2VpZ2h0IjowLjAsIkxpbmVUeXBlIjowLCJQYXJlbnRTdHlsZSI6bnVsbH0sIlBhcmVudFN0eWxlIjpudWxsfSwiRHVyYXRpb25TdHlsZSI6eyIkaWQiOiIyODQiLCJGb250U2V0dGluZ3MiOnsiJGlkIjoiMjg1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GlkIjoiMzA2IiwiQ29sb3IiOnsiJGlkIjoiMzA3IiwiQSI6MCwiUiI6MjU1LCJHIjoyNTUsIkIiOjI1NX19LCJJc1Zpc2libGUiOnRydWUsIldpZHRoIjowLjAsIkhlaWdodCI6MC4wLCJCb3JkZXJTdHlsZSI6eyIkaWQiOiIzMDgiLCJMaW5lQ29sb3IiOm51bGwsIkxpbmVXZWlnaHQiOjAuMCwiTGluZVR5cGUiOjAsIlBhcmVudFN0eWxlIjpudWxsfSwiUGFyZW50U3R5bGUiOm51bGx9LCJEYXRlRm9ybWF0Ijp7IiRpZCI6IjM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zE5IiwiTGluZUNvbG9yIjpudWxsLCJMaW5lV2VpZ2h0IjowLjAsIkxpbmVUeXBlIjowLCJQYXJlbnRTdHlsZSI6bnVsbH0sIlBhcmVudFN0eWxlIjpudWxsfSwiRHVyYXRpb25TdHlsZSI6eyIkaWQiOiIzMjAiLCJGb250U2V0dGluZ3MiOnsiJGlkIjoiMzIx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DExIiwiTGluZUNvbG9yIjpudWxsLCJMaW5lV2VpZ2h0IjowLjAsIkxpbmVUeXBlIjowLCJQYXJlbnRTdHlsZSI6bnVsbH0sIlBhcmVudFN0eWxlIjpudWxsfSwiRHVyYXRpb25TdHlsZSI6eyIkaWQiOiI0MTIiLCJGb250U2V0dGluZ3MiOnsiJGlkIjoiNDEz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GlkIjoiNDM0IiwiQ29sb3IiOnsiJGlkIjoiNDM1IiwiQSI6MCwiUiI6MjU1LCJHIjoyNTUsIkIiOjI1NX19LCJJc1Zpc2libGUiOnRydWUsIldpZHRoIjowLjAsIkhlaWdodCI6MC4wLCJCb3JkZXJTdHlsZSI6eyIkaWQiOiI0MzYiLCJMaW5lQ29sb3IiOm51bGwsIkxpbmVXZWlnaHQiOjAuMCwiTGluZVR5cGUiOjAsIlBhcmVudFN0eWxlIjpudWxsfSwiUGFyZW50U3R5bGUiOm51bGx9LCJEYXRlRm9ybWF0Ijp7IiRpZCI6IjQz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TYifSwiUGFkZGluZyI6eyIkcmVmIjoiMjE3In0sIkJhY2tncm91bmQiOnsiJGlkIjoiNTgyIiwiQ29sb3IiOnsiJHJlZiI6IjE1In19LCJJc1Zpc2libGUiOnRydWUsIldpZHRoIjowLjAsIkhlaWdodCI6MC4wLCJCb3JkZXJTdHlsZSI6bnVsbCwiUGFyZW50U3R5bGUiOm51bGx9LCJEYXRlRm9ybWF0Ijp7IiRpZCI6IjU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QiLCJGb3JtYXQiOjAsIklzVmlzaWJsZSI6ZmFsc2UsIkxhc3RLbm93blZpc2liaWxpdHlTdGF0ZSI6ZmFsc2V9LCJJc1Zpc2libGUiOnRydWUsIlBhcmVudFN0eWxlIjpudWxsfSwiRGVmYXVsdFRhc2tTdHlsZSI6eyIkaWQiOiI1ODUiLCJTaGFwZSI6NywiU2hhcGVUaGlja25lc3MiOjEsIkR1cmF0aW9uRm9ybWF0IjowLCJJbmNsdWRlTm9uV29ya2luZ0RheXNJbkR1cmF0aW9uIjpmYWxzZSwiUGVyY2VudGFnZUNvbXBsZXRlU3R5bGUiOnsiJGlkIjoiNTg2IiwiRm9udFNldHRpbmdzIjp7IiRpZCI6IjU4N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m51bGwsIlBhcmVudFN0eWxlIjpudWxsfSwiRHVyYXRpb25TdHlsZSI6eyIkaWQiOiI1ODgiLCJGb250U2V0dGluZ3MiOnsiJGlkIjoiNTg5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bnVsbCwiUGFyZW50U3R5bGUiOm51bGx9LCJIb3Jpem9udGFsQ29ubmVjdG9yU3R5bGUiOnsiJGlkIjoiNTkwIiwiTGluZUNvbG9yIjp7IiRyZWYiOiIyNiJ9LCJMaW5lV2VpZ2h0IjoxLjAsIkxpbmVUeXBlIjowLCJQYXJlbnRTdHlsZSI6bnVsbH0sIlZlcnRpY2FsQ29ubmVjdG9yU3R5bGUiOnsiJGlkIjoiNTkxIiwiTGluZUNvbG9yIjp7IiRyZWYiOiIyO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IifSwiUGFkZGluZyI6eyIkcmVmIjoiNTMifSwiQmFja2dyb3VuZCI6eyIkaWQiOiI2MDciLCJDb2xvciI6eyIkcmVmIjoiMTUifX0sIklzVmlzaWJsZSI6dHJ1ZSwiV2lkdGgiOjAuMCwiSGVpZ2h0IjowLjAsIkJvcmRlclN0eWxlIjpudWxsLCJQYXJlbnRTdHlsZSI6bnVsbH0sIkRhdGVGb3JtYXQiOnsiJGlkIjoiNj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wOSIsIkZvcm1hdCI6MCwiSXNWaXNpYmxlIjpmYWxzZSwiTGFzdEtub3duVmlzaWJpbGl0eVN0YXRlIjpmYWxzZX0sIklzVmlzaWJsZSI6dHJ1ZSwiUGFyZW50U3R5bGUiOm51bGwsIl9leHBsaWNpdGx5U2V0Ijp7IiRpZCI6IjYxMC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2MzYiLCJMaW5lQ29sb3IiOm51bGwsIkxpbmVXZWlnaHQiOjAuMCwiTGluZVR5cGUiOjAsIlBhcmVudFN0eWxlIjpudWxsfSwiUGFyZW50U3R5bGUiOm51bGx9LCJEdXJhdGlvblN0eWxlIjp7IiRpZCI6IjYzNyIsIkZvbnRTZXR0aW5ncyI6eyIkaWQiOiI2Mzg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YzOSIsIkxpbmVDb2xvciI6bnVsbCwiTGluZVdlaWdodCI6MC4wLCJMaW5lVHlwZSI6MCwiUGFyZW50U3R5bGUiOm51bGx9LCJQYXJlbnRTdHlsZSI6bnVsbH0sIkhvcml6b250YWxDb25uZWN0b3JTdHlsZSI6eyIkaWQiOiI2NDAiLCJMaW5lQ29sb3IiOnsiJHJlZiI6IjI2In0sIkxpbmVXZWlnaHQiOjEuMCwiTGluZVR5cGUiOjAsIlBhcmVudFN0eWxlIjpudWxsfSwiVmVydGljYWxDb25uZWN0b3JTdHlsZSI6eyIkaWQiOiI2NDEiLCJMaW5lQ29sb3IiOnsiJHJlZiI6IjI5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pZCI6IjY1OSIsIkNvbG9yIjp7IiRpZCI6IjY2MCIsIkEiOjAsIlIiOjI1NSwiRyI6MjU1LCJCIjoyNTV9fSwiSXNWaXNpYmxlIjp0cnVlLCJXaWR0aCI6MC4wLCJIZWlnaHQiOjAuMCwiQm9yZGVyU3R5bGUiOnsiJGlkIjoiNjYxIiwiTGluZUNvbG9yIjpudWxsLCJMaW5lV2VpZ2h0IjowLjAsIkxpbmVUeXBlIjowLCJQYXJlbnRTdHlsZSI6bnVsbH0sIlBhcmVudFN0eWxlIjpudWxsfSwiRGF0ZUZvcm1hdCI6eyIkaWQiOiI2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YzIiwiRm9ybWF0IjowLCJJc1Zpc2libGUiOmZhbHNlLCJMYXN0S25vd25WaXNpYmlsaXR5U3RhdGUiOmZhbHNlfSwiSXNWaXNpYmxlIjp0cnVlLCJQYXJlbnRTdHlsZSI6bnVsbCwiX2V4cGxpY2l0bHlTZXQiOnsiJGlkIjoiNjY0IiwiU2hhcGVTdHlsZSI6ZmFsc2UsIlRpdGxlU3R5bGUiOmZhbHNlLCJEYXRlU3R5bGUiOmZhbHNlLCJIb3Jpem9udGFsQ29ubmVjdG9yU3R5bGUiOmZhbHNlLCJWZXJ0aWNhbENvbm5lY3RvclN0eWxlIjpmYWxzZSwiUGVyY2VudGFnZUNvbXBsZXRlU2hhcGVPcGFjaXR5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NS4wLFwiTGVmdFwiOjEzLjAsXCJSaWdodFwiOjEzLjAsXCJCb3R0b21cIjo1LjB9LFwiQmFja2dyb3VuZFwiOntcIiRpZFwiOlwiMTZcIixcIkNvbG9yXCI6e1wiJGlkXCI6XCIxN1wiLFwiQVwiOjI1NSxcIlJcIjo2OCxcIkdcIjo4NCxcIkJcIjoxMDZ9fSxcIklzVmlzaWJsZVwiOnRydWUsXCJXaWR0aFwiOjg1OC4wLFwiSGVpZ2h0XCI6Mz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NS4wLFwiTGVmdFwiOjEzLjAsXCJSaWdodFwiOjEzLjAsXCJCb3R0b21cIjo1LjB9LFwiQmFja2dyb3VuZFwiOntcIiRpZFwiOlwiMjRcIixcIkNvbG9yXCI6e1wiJGlkXCI6XCIyNVwiLFwiQVwiOjI1NSxcIlJcIjo2OCxcIkdcIjo4NCxcIkJcIjoxMDZ9fSxcIklzVmlzaWJsZVwiOnRydWUsXCJXaWR0aFwiOjg1OC4wLFwiSGVpZ2h0XCI6Mz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dHJ1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Mi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I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y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c3LFwiUlwiOjI1NSxcIkdcIjowLFwiQlwiOjB9fSxcIkFwcGVuZFllYXJPblllYXJDaGFuZ2VcIjp0cnVlLFwiRWxhcHNlZFRpbWVGb3JtYXRcIjox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zMSxcIkdcIjo3MyxcIkJcIjoxMjV9fSxcIklzVmlzaWJsZVwiOnRydWUsXCJXaWR0aFwiOjAuMCxcIkhlaWdodFwiOjAuMCxcIkJvcmRlclN0eWxlXCI6bnVsbH0sXCJEZWZhdWx0TWlsZXN0b25lU3R5bGVcIjp7XCIkaWRcIjpcIjg1XCIsXCJTaGFwZVwiOjM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zMSxcIkdcIjo3MyxcIkJcIjoxMjZ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guMCxcIkhlaWdodFwiOjIw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3LFwiU2hhcGVUaGlja25lc3NcIjox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QsXCJFbmREYXRlUG9zaXRpb25cIjo0LFwiVGl0bGVQb3NpdGlvblwiOjU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n0sIlNldHRpbmdzIjp7IiRpZCI6IjY2OSIsIkltcGFPcHRpb25zIjp7IiRpZCI6IjY3M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Y3MSIsIlVzZVRpbWUiOmZhbHNlLCJXb3JrRGF5U3RhcnQiOiIwMDowMDowMCIsIldvcmtEYXlFbmQiOiIyMzo1OTowMCJ9LCJMYXN0VXNlZFRlbXBsYXRlSWQiOiI0YjY5ZmIzZS1mYTE5LTQwZTYtYmM4Yy0yNWEwZjkxYTMyOTI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0-06T00:00:00.0000000"/>
  <p:tag name="OTLENDDATE" val="2023-05-18T23:59:00.0000000"/>
  <p:tag name="OTLDURATIONFORMAT" val="day"/>
  <p:tag name="OTLSPACING" val="5"/>
  <p:tag name="OTLSHAPETHICKNESSTYPE" val="Custom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ModernTimeband"/>
  <p:tag name="OTLTIMEBANDSHAPEHEIGHT" val="30"/>
  <p:tag name="OTLTIMEBANDSHAPEPADDINGLEFT" val="13"/>
  <p:tag name="OTLTIMEBANDCULTUREINFO" val="en-US"/>
  <p:tag name="OTLTIMEBANDQUICKPOSITION" val="Bottom"/>
  <p:tag name="OTLTIMEBANDTHREEDEFFECTS" val="Gel"/>
  <p:tag name="OTLTIMEBANDAUTODATERANGE" val="True"/>
  <p:tag name="OTLTIMEBANDSTARTDATE" val="0001-01-01T00:00:00.0000000"/>
  <p:tag name="OTLTIMEBANDENDDATE" val="2023-05-18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Fals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01T00:00:00.0000000"/>
  <p:tag name="OTLENDDATE" val="2022-10-16T23:59:00.0000000"/>
  <p:tag name="OTLDURATIONFORMAT" val="day"/>
  <p:tag name="OTLSPACING" val="5"/>
  <p:tag name="OTLSHAPETHICKNESSTYPE" val="Regular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28T00:00:00.0000000"/>
  <p:tag name="OTLENDDATE" val="2022-10-19T23:59:00.0000000"/>
  <p:tag name="OTLDURATIONFORMAT" val="day"/>
  <p:tag name="OTLSPACING" val="5"/>
  <p:tag name="OTLSHAPETHICKNESSTYPE" val="Regular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0-20T00:00:00.0000000"/>
  <p:tag name="OTLENDDATE" val="2022-11-20T23:59:00.0000000"/>
  <p:tag name="OTLDURATIONFORMAT" val="day"/>
  <p:tag name="OTLSPACING" val="5"/>
  <p:tag name="OTLSHAPETHICKNESSTYPE" val="Custom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1-19T00:00:00.0000000"/>
  <p:tag name="OTLENDDATE" val="2022-12-31T23:59:00.0000000"/>
  <p:tag name="OTLDURATIONFORMAT" val="day"/>
  <p:tag name="OTLSPACING" val="5"/>
  <p:tag name="OTLSHAPETHICKNESSTYPE" val="Regular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2-25T00:00:00.0000000"/>
  <p:tag name="OTLENDDATE" val="2023-04-10T23:59:00.0000000"/>
  <p:tag name="OTLDURATIONFORMAT" val="day"/>
  <p:tag name="OTLSPACING" val="5"/>
  <p:tag name="OTLSHAPETHICKNESSTYPE" val="Regular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7T00:00:00.0000000"/>
  <p:tag name="OTLENDDATE" val="2023-05-15T23:59:00.0000000"/>
  <p:tag name="OTLDURATIONFORMAT" val="day"/>
  <p:tag name="OTLSPACING" val="5"/>
  <p:tag name="OTLSHAPETHICKNESSTYPE" val="Regular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ize"/>
  <p:tag name="OTLDATE" val="2022-11-20T23:59:00.0000000"/>
  <p:tag name="OTLPOSITIONONTASK" val="None"/>
  <p:tag name="OTLRELATEDTASKID" val="00000000-0000-0000-0000-00000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4</TotalTime>
  <Words>83</Words>
  <Application>Microsoft Office PowerPoint</Application>
  <PresentationFormat>Widescreen</PresentationFormat>
  <Paragraphs>40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Jawad Ahmed</dc:creator>
  <cp:lastModifiedBy>Jawad Ahmed</cp:lastModifiedBy>
  <cp:revision>1</cp:revision>
  <dcterms:created xsi:type="dcterms:W3CDTF">2022-10-15T07:39:10Z</dcterms:created>
  <dcterms:modified xsi:type="dcterms:W3CDTF">2022-10-15T08:23:24Z</dcterms:modified>
</cp:coreProperties>
</file>